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AD8A2FE7-50B0-4DB0-B618-095B78D80532}" xr6:coauthVersionLast="47" xr6:coauthVersionMax="47" xr10:uidLastSave="{00000000-0000-0000-0000-000000000000}"/>
  <bookViews>
    <workbookView xWindow="-120" yWindow="-120" windowWidth="29040" windowHeight="15840" xr2:uid="{855959CE-7F2D-42ED-8B74-609F3F92F1CD}"/>
  </bookViews>
  <sheets>
    <sheet name="21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31">
  <si>
    <t>名称№２１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タイヤ廃棄処理（収集運搬処分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走行輪</t>
  </si>
  <si>
    <t>Ｅ２７５／７５Ｒ１７．５</t>
  </si>
  <si>
    <t>本</t>
  </si>
  <si>
    <t>東西・東豊線走行輪</t>
  </si>
  <si>
    <t>Ｅ１４．５０／７５Ｒ１７．５</t>
  </si>
  <si>
    <t>各線共通案内輪</t>
  </si>
  <si>
    <t>Ｅ６．００－１６／１２ＰＲ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7FB50D1D-CA1D-4616-9C87-1BBBD3D3A16F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363473-7BB1-4D53-BC8B-7E013C8F60F5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I12" sqref="I12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70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6</v>
      </c>
      <c r="E10" s="37" t="s">
        <v>14</v>
      </c>
      <c r="F10" s="31">
        <v>982</v>
      </c>
      <c r="G10" s="38"/>
      <c r="H10" s="33"/>
    </row>
    <row r="11" spans="1:10" ht="24.95" customHeight="1" x14ac:dyDescent="0.15">
      <c r="A11" s="26">
        <v>3</v>
      </c>
      <c r="B11" s="34" t="s">
        <v>17</v>
      </c>
      <c r="C11" s="35">
        <v>1</v>
      </c>
      <c r="D11" s="36" t="s">
        <v>18</v>
      </c>
      <c r="E11" s="37" t="s">
        <v>14</v>
      </c>
      <c r="F11" s="31">
        <v>772</v>
      </c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35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57"/>
      <c r="B28" s="40"/>
      <c r="C28" s="39"/>
      <c r="D28" s="58"/>
      <c r="E28" s="39"/>
      <c r="F28" s="43"/>
      <c r="G28" s="53"/>
      <c r="H28" s="59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7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0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1</v>
      </c>
      <c r="H42" s="65"/>
    </row>
    <row r="43" spans="1:8" ht="20.100000000000001" customHeight="1" x14ac:dyDescent="0.15">
      <c r="A43" s="65"/>
      <c r="B43" s="65" t="s">
        <v>22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3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4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5</v>
      </c>
      <c r="E46" s="65"/>
      <c r="F46" s="65"/>
      <c r="G46" s="65"/>
      <c r="H46" s="66" t="s">
        <v>26</v>
      </c>
    </row>
    <row r="47" spans="1:8" ht="20.100000000000001" customHeight="1" x14ac:dyDescent="0.15">
      <c r="A47" s="65"/>
      <c r="B47" s="65"/>
      <c r="C47" s="65"/>
      <c r="D47" s="66" t="s">
        <v>27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8</v>
      </c>
      <c r="E49" s="65"/>
      <c r="F49" s="68"/>
      <c r="G49" s="65"/>
      <c r="H49" s="66" t="s">
        <v>26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9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0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6" priority="7" stopIfTrue="1">
      <formula>ISERROR(B9)</formula>
    </cfRule>
  </conditionalFormatting>
  <conditionalFormatting sqref="B12:F38 B9:E11">
    <cfRule type="expression" dxfId="5" priority="6" stopIfTrue="1">
      <formula>ISERROR(B9)</formula>
    </cfRule>
  </conditionalFormatting>
  <conditionalFormatting sqref="A39">
    <cfRule type="expression" dxfId="4" priority="5" stopIfTrue="1">
      <formula>ISERROR(B39)</formula>
    </cfRule>
  </conditionalFormatting>
  <conditionalFormatting sqref="G9:G38">
    <cfRule type="expression" dxfId="3" priority="4" stopIfTrue="1">
      <formula>ISERROR(G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1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4</vt:lpstr>
      <vt:lpstr>'21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8:49Z</dcterms:created>
  <dcterms:modified xsi:type="dcterms:W3CDTF">2024-02-14T04:58:58Z</dcterms:modified>
</cp:coreProperties>
</file>